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DE3CA5">
            <w:pPr>
              <w:pStyle w:val="Heading3"/>
            </w:pPr>
            <w:sdt>
              <w:sdtPr>
                <w:alias w:val="Your Name"/>
                <w:id w:val="691496539"/>
                <w:placeholder>
                  <w:docPart w:val="A18DEC0687044EE589B3BF2C1A2713C0"/>
                </w:placeholder>
              </w:sdt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DE3CA5"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Content>
                <w:r w:rsidR="005B5524">
                  <w:t>October 6, 2019</w:t>
                </w:r>
              </w:sdtContent>
            </w:sdt>
          </w:p>
        </w:tc>
      </w:tr>
    </w:tbl>
    <w:p w14:paraId="0548322C" w14:textId="77777777" w:rsidR="009000CE" w:rsidRDefault="009000CE"/>
    <w:p w14:paraId="3DB9662D" w14:textId="77777777" w:rsidR="009000CE" w:rsidRDefault="009000CE">
      <w:pPr>
        <w:sectPr w:rsidR="009000CE">
          <w:headerReference w:type="even" r:id="rId7"/>
          <w:headerReference w:type="default" r:id="rId8"/>
          <w:footerReference w:type="even" r:id="rId9"/>
          <w:footerReference w:type="default" r:id="rId10"/>
          <w:headerReference w:type="first" r:id="rId11"/>
          <w:footerReference w:type="first" r:id="rId12"/>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574AD900" w14:textId="633CD84D" w:rsidR="00071FBA" w:rsidRDefault="00071FBA" w:rsidP="00184AA9">
      <w:r>
        <w:t>This report is based on food inspection and health violation data provided in excel sheets which has been analysed and put into a sqlite database. Python was used to analyse the data through graphs being made using</w:t>
      </w:r>
      <w:r w:rsidR="003D2ACD">
        <w:t xml:space="preserve"> matplotlib which is an extension to</w:t>
      </w:r>
      <w:r>
        <w:t xml:space="preserve"> numpy. Matplotlib is a plotting library which is able to generate graphs using the Python programming language.</w:t>
      </w:r>
      <w:r w:rsidR="00C810FE">
        <w:t xml:space="preserve"> This report provides methods for each of the four tasks making the data presented straightforward which meets the tasks requirement. All of the results in this report are analysed in depth with clear conclusions for the tasks completed. </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analyse food inspections and health violations by using the data provided in the two excel documents inspections and violations. This information is then put into a sqlite database which is used to create Python programs which analyse and highlight key data as specified. </w:t>
      </w:r>
    </w:p>
    <w:p w14:paraId="50D963EB" w14:textId="356969EB" w:rsidR="2648285F" w:rsidRDefault="2648285F" w:rsidP="2648285F">
      <w:r>
        <w:t>Task 1 required to create a new Python program called createddb_food.py. The main purpose of this file was to create a sqlite database called ‘database.db’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database.db’ in a new table called previous_violations.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per month,  postcod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previous_violations. </w:t>
      </w:r>
      <w:r w:rsidR="00EF65E6">
        <w:t xml:space="preserve">Here below is the sql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r>
        <w:t xml:space="preserve">activity_date date, employee_id varchar(12), facility_address varchar(120), facility_city varchar(60), facility_id varchar(12), facility_name varchar(12), facility_state varchar(2), facility_zip varchar(10), grade text, owner_id varchar(12), owner_name varchar(100), pe_description text, program_element_pe integer(4), program_name varchar(100), program_status text, record_id varchar(12), score integer(3), serial_number varchar(15), </w:t>
      </w:r>
      <w:r w:rsidR="00AD6824">
        <w:t>service_cod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points integer(2), serial_number varchar(15), violation_code varchar(5), violation_description text, violation_status text</w:t>
      </w:r>
    </w:p>
    <w:p w14:paraId="6DFEC834" w14:textId="373C80E6" w:rsidR="00286F59" w:rsidRDefault="00286F59" w:rsidP="2648285F">
      <w:r>
        <w:t>};</w:t>
      </w:r>
    </w:p>
    <w:p w14:paraId="2729C99A" w14:textId="4A79B046" w:rsidR="00BB650D" w:rsidRDefault="00BB650D" w:rsidP="2648285F">
      <w:r>
        <w:t>CREATE TABLE previous_violations {</w:t>
      </w:r>
    </w:p>
    <w:p w14:paraId="396C54AE" w14:textId="65591751" w:rsidR="00BB650D" w:rsidRDefault="00BB650D" w:rsidP="2648285F">
      <w:r>
        <w:t>name varchar(100), address varchar(120), zipCod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p>
    <w:p w14:paraId="2CB6DB3C" w14:textId="5A05C8CA" w:rsidR="002D4235" w:rsidRDefault="00071FBA" w:rsidP="00184AA9">
      <w:pPr>
        <w:pStyle w:val="Heading1"/>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378.4pt">
            <v:imagedata r:id="rId13" o:title="2810ICTDatabaseSchema"/>
          </v:shape>
        </w:pict>
      </w: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55E0BD15" w14:textId="77777777" w:rsidR="00B03849" w:rsidRDefault="00B03849" w:rsidP="00184AA9">
      <w:r>
        <w:t>The excel workbook ViolationTypes shows the number of each type of violations based on the violation code. This data was taken from the database ‘database.db’ by querying the above requirement. The data was then displayed in excel to help with the readability when conducting an analysis of the information.</w:t>
      </w:r>
    </w:p>
    <w:p w14:paraId="528C91F4" w14:textId="784E545F" w:rsidR="00B03849" w:rsidRDefault="00B03849" w:rsidP="00184AA9">
      <w:r>
        <w:t>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built, maintained in good repair and clean. From analysing the data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2. Returned and reservic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2. Food properly labeled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3. Nonfood-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4. Warewashing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in good condition, safe and unadultered</w:t>
            </w:r>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unapproved sleeping accomodations</w:t>
            </w:r>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roperly labeled</w:t>
            </w:r>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Tobacco / Eating / Drinking / Habits / Behaviors</w:t>
            </w:r>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Based on Task 4 of your assignment, describe the results of your analysis (in addition to the graph – you may need to screenshot or otherwise export from your iPython console). Make any comments about the data you see fit.</w:t>
      </w:r>
    </w:p>
    <w:p w14:paraId="71DA5DEA" w14:textId="73B22929" w:rsidR="009000CE" w:rsidRDefault="009000CE" w:rsidP="00184AA9">
      <w:pPr>
        <w:pStyle w:val="Heading1"/>
      </w:pPr>
    </w:p>
    <w:p w14:paraId="14E1FA5D" w14:textId="575E44D8" w:rsidR="006A1D45" w:rsidRDefault="006A1D45" w:rsidP="006A1D45"/>
    <w:p w14:paraId="5683F346" w14:textId="4155E777" w:rsidR="006A1D45" w:rsidRDefault="006A1D45" w:rsidP="006A1D45"/>
    <w:p w14:paraId="179D89D0" w14:textId="1FC49B0B" w:rsidR="006A1D45" w:rsidRDefault="006A1D45" w:rsidP="006A1D45"/>
    <w:p w14:paraId="4B88BF6B" w14:textId="2D4872F5" w:rsidR="006A1D45" w:rsidRDefault="006A1D45" w:rsidP="006A1D45"/>
    <w:p w14:paraId="4F6EF2AD" w14:textId="18F10054" w:rsidR="006A1D45" w:rsidRDefault="006A1D45" w:rsidP="006A1D45"/>
    <w:p w14:paraId="70A64FC2" w14:textId="39D5734E" w:rsidR="006A1D45" w:rsidRDefault="006A1D45" w:rsidP="006A1D45"/>
    <w:p w14:paraId="4CB54928" w14:textId="31AA38C8" w:rsidR="006A1D45" w:rsidRDefault="006A1D45" w:rsidP="006A1D45"/>
    <w:p w14:paraId="6A5119A2" w14:textId="06E808A1" w:rsidR="006A1D45" w:rsidRDefault="006A1D45" w:rsidP="006A1D45"/>
    <w:p w14:paraId="0E9FCBB4" w14:textId="1FE28032" w:rsidR="006A1D45" w:rsidRDefault="006A1D45" w:rsidP="006A1D45"/>
    <w:p w14:paraId="4F5CBB4E" w14:textId="7638A4B9" w:rsidR="006A1D45" w:rsidRDefault="006A1D45" w:rsidP="006A1D45"/>
    <w:p w14:paraId="76143CEC" w14:textId="6429C921" w:rsidR="006A1D45" w:rsidRDefault="006A1D45" w:rsidP="006A1D45"/>
    <w:p w14:paraId="3215EAFA" w14:textId="56FBADB8" w:rsidR="006A1D45" w:rsidRDefault="006A1D45" w:rsidP="006A1D45"/>
    <w:p w14:paraId="10445ABE" w14:textId="4786976B" w:rsidR="006A1D45" w:rsidRDefault="006A1D45" w:rsidP="006A1D45"/>
    <w:p w14:paraId="70D84378" w14:textId="1419AC06" w:rsidR="006A1D45" w:rsidRDefault="006A1D45" w:rsidP="006A1D45">
      <w:pPr>
        <w:pStyle w:val="Heading1"/>
        <w:rPr>
          <w:rStyle w:val="Heading1Char"/>
          <w:b/>
        </w:rPr>
      </w:pPr>
      <w:r>
        <w:rPr>
          <w:rStyle w:val="Heading1Char"/>
          <w:b/>
        </w:rPr>
        <w:lastRenderedPageBreak/>
        <w:t>Configuration Management and Version Control</w:t>
      </w:r>
    </w:p>
    <w:p w14:paraId="3D88A852" w14:textId="7186C987" w:rsidR="002A5CAC" w:rsidRPr="00DE3CA5" w:rsidRDefault="00B77ADD" w:rsidP="002A5CAC">
      <w:r>
        <w:t>Throughout the Data Analysis and Visualisation project Github was used as the configuration management and version control. All my files were updated through Github whenever I made major or minor changes. These changes were labelled with a brief description so all updates were logged with what changed or was created. The main reasoning for this was to make sure if any unexpected issues arise within certain versions then it will be easy to look back at previous versions and investigate it.</w:t>
      </w:r>
    </w:p>
    <w:p w14:paraId="3E6ACB91" w14:textId="2E9A0BBF" w:rsidR="002A5CAC" w:rsidRDefault="002A5CAC" w:rsidP="002A5CAC">
      <w:pPr>
        <w:pStyle w:val="Heading1"/>
        <w:rPr>
          <w:rStyle w:val="Heading1Char"/>
          <w:b/>
        </w:rPr>
      </w:pPr>
      <w:r>
        <w:rPr>
          <w:rStyle w:val="Heading1Char"/>
          <w:b/>
        </w:rPr>
        <w:t>Github Log</w:t>
      </w:r>
      <w:bookmarkStart w:id="0" w:name="_GoBack"/>
      <w:bookmarkEnd w:id="0"/>
    </w:p>
    <w:p w14:paraId="116BB2B3" w14:textId="77777777" w:rsidR="006A1D45" w:rsidRPr="006A1D45" w:rsidRDefault="006A1D45" w:rsidP="002A5CAC">
      <w:pPr>
        <w:ind w:left="0"/>
      </w:pPr>
    </w:p>
    <w:sectPr w:rsidR="006A1D45" w:rsidRPr="006A1D45">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F4315B" w14:textId="77777777" w:rsidR="0025267F" w:rsidRDefault="0025267F">
      <w:pPr>
        <w:spacing w:after="0" w:line="240" w:lineRule="auto"/>
      </w:pPr>
      <w:r>
        <w:separator/>
      </w:r>
    </w:p>
  </w:endnote>
  <w:endnote w:type="continuationSeparator" w:id="0">
    <w:p w14:paraId="26E47C53" w14:textId="77777777" w:rsidR="0025267F" w:rsidRDefault="0025267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C4C6F" w14:textId="77777777" w:rsidR="00DE3CA5" w:rsidRDefault="00DE3CA5">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8EDF4" w14:textId="77777777" w:rsidR="00DE3CA5" w:rsidRDefault="00DE3CA5">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DE3CA5" w:rsidRDefault="00DE3CA5">
    <w:pPr>
      <w:pStyle w:val="Footer"/>
    </w:pPr>
    <w:sdt>
      <w:sdtPr>
        <w:id w:val="2139765491"/>
        <w:placeholder>
          <w:docPart w:val="1D6CD26D88BC46519A736B8046733A77"/>
        </w:placeholder>
        <w:temporary/>
        <w:showingPlcHdr/>
        <w15:appearance w15:val="hidden"/>
      </w:sdtPr>
      <w:sdtContent>
        <w:r>
          <w:t>[Type here]</w:t>
        </w:r>
      </w:sdtContent>
    </w:sdt>
    <w:r>
      <w:ptab w:relativeTo="margin" w:alignment="center" w:leader="none"/>
    </w:r>
    <w:sdt>
      <w:sdtPr>
        <w:id w:val="-747110299"/>
        <w:placeholder>
          <w:docPart w:val="1D6CD26D88BC46519A736B8046733A77"/>
        </w:placeholder>
        <w:temporary/>
        <w:showingPlcHdr/>
        <w15:appearance w15:val="hidden"/>
      </w:sdtPr>
      <w:sdtContent>
        <w:r>
          <w:t>[Type here]</w:t>
        </w:r>
      </w:sdtContent>
    </w:sdt>
    <w:r>
      <w:ptab w:relativeTo="margin" w:alignment="right" w:leader="none"/>
    </w:r>
    <w:sdt>
      <w:sdtPr>
        <w:id w:val="1832874115"/>
        <w:placeholder>
          <w:docPart w:val="1D6CD26D88BC46519A736B8046733A77"/>
        </w:placeholder>
        <w:temporary/>
        <w:showingPlcHdr/>
        <w15:appearance w15:val="hidden"/>
      </w:sdtPr>
      <w:sdtContent>
        <w:r>
          <w:t>[Type here]</w:t>
        </w:r>
      </w:sdtContent>
    </w:sdt>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DE3CA5" w14:paraId="3A715BC8" w14:textId="77777777">
      <w:tc>
        <w:tcPr>
          <w:tcW w:w="4675" w:type="dxa"/>
        </w:tcPr>
        <w:p w14:paraId="42162423" w14:textId="2BDF4A3E" w:rsidR="00DE3CA5" w:rsidRDefault="00DE3CA5" w:rsidP="00376E5C">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w:t>
          </w: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Jake Attard s5138647</w:t>
              </w:r>
            </w:sdtContent>
          </w:sdt>
        </w:p>
      </w:tc>
      <w:tc>
        <w:tcPr>
          <w:tcW w:w="4675" w:type="dxa"/>
        </w:tcPr>
        <w:p w14:paraId="66753B50" w14:textId="5753D8FF" w:rsidR="00DE3CA5" w:rsidRDefault="00DE3CA5">
          <w:pPr>
            <w:pStyle w:val="Footer"/>
            <w:jc w:val="right"/>
          </w:pPr>
          <w:r>
            <w:t xml:space="preserve">Page </w:t>
          </w:r>
          <w:r>
            <w:fldChar w:fldCharType="begin"/>
          </w:r>
          <w:r>
            <w:instrText xml:space="preserve"> PAGE  \* Arabic  \* MERGEFORMAT </w:instrText>
          </w:r>
          <w:r>
            <w:fldChar w:fldCharType="separate"/>
          </w:r>
          <w:r w:rsidR="002A5CAC">
            <w:rPr>
              <w:noProof/>
            </w:rPr>
            <w:t>10</w:t>
          </w:r>
          <w:r>
            <w:fldChar w:fldCharType="end"/>
          </w:r>
          <w:r>
            <w:t xml:space="preserve"> of  </w:t>
          </w:r>
          <w:fldSimple w:instr=" SECTIONPAGES  \* Arabic  \* MERGEFORMAT ">
            <w:r w:rsidR="002A5CAC">
              <w:rPr>
                <w:noProof/>
              </w:rPr>
              <w:t>10</w:t>
            </w:r>
          </w:fldSimple>
        </w:p>
      </w:tc>
    </w:tr>
  </w:tbl>
  <w:p w14:paraId="29DADAD4" w14:textId="77777777" w:rsidR="00DE3CA5" w:rsidRDefault="00DE3CA5">
    <w:pPr>
      <w:pStyle w:val="Footer"/>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716B42D7" w:rsidR="00DE3CA5" w:rsidRDefault="00DE3CA5">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lang w:val="en-AU"/>
          </w:rPr>
          <w:t>Jake Attard s5138647</w:t>
        </w:r>
      </w:sdtContent>
    </w:sdt>
    <w:r>
      <w:ptab w:relativeTo="margin" w:alignment="right" w:leader="none"/>
    </w:r>
    <w:r>
      <w:t xml:space="preserve">Page </w:t>
    </w:r>
    <w:r>
      <w:fldChar w:fldCharType="begin"/>
    </w:r>
    <w:r>
      <w:instrText xml:space="preserve"> PAGE  \* Arabic  \* MERGEFORMAT </w:instrText>
    </w:r>
    <w:r>
      <w:fldChar w:fldCharType="separate"/>
    </w:r>
    <w:r>
      <w:rPr>
        <w:noProof/>
      </w:rPr>
      <w:t>2</w:t>
    </w:r>
    <w:r>
      <w:fldChar w:fldCharType="end"/>
    </w:r>
    <w:r>
      <w:t xml:space="preserve"> of </w:t>
    </w:r>
    <w:fldSimple w:instr=" NUMPAGES  \* Arabic  \* MERGEFORMAT ">
      <w:r>
        <w:rPr>
          <w:noProof/>
        </w:rPr>
        <w:t>6</w:t>
      </w:r>
    </w:fldSimple>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2700836" w14:textId="77777777" w:rsidR="0025267F" w:rsidRDefault="0025267F">
      <w:pPr>
        <w:spacing w:after="0" w:line="240" w:lineRule="auto"/>
      </w:pPr>
      <w:r>
        <w:separator/>
      </w:r>
    </w:p>
  </w:footnote>
  <w:footnote w:type="continuationSeparator" w:id="0">
    <w:p w14:paraId="3FF78D62" w14:textId="77777777" w:rsidR="0025267F" w:rsidRDefault="0025267F">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A330D" w14:textId="77777777" w:rsidR="00DE3CA5" w:rsidRDefault="00DE3CA5">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FB5933" w14:textId="77777777" w:rsidR="00DE3CA5" w:rsidRDefault="00DE3CA5">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A8B8D" w14:textId="77777777" w:rsidR="00DE3CA5" w:rsidRDefault="00DE3CA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71FBA"/>
    <w:rsid w:val="000E7D83"/>
    <w:rsid w:val="00184AA9"/>
    <w:rsid w:val="0025267F"/>
    <w:rsid w:val="00286F59"/>
    <w:rsid w:val="002A1427"/>
    <w:rsid w:val="002A5CAC"/>
    <w:rsid w:val="002D4235"/>
    <w:rsid w:val="00341C62"/>
    <w:rsid w:val="00376E5C"/>
    <w:rsid w:val="003D2ACD"/>
    <w:rsid w:val="005B5524"/>
    <w:rsid w:val="00675101"/>
    <w:rsid w:val="006A1D45"/>
    <w:rsid w:val="007330D8"/>
    <w:rsid w:val="00800D3D"/>
    <w:rsid w:val="009000CE"/>
    <w:rsid w:val="00922075"/>
    <w:rsid w:val="0094620B"/>
    <w:rsid w:val="0097144C"/>
    <w:rsid w:val="00A03334"/>
    <w:rsid w:val="00A41F75"/>
    <w:rsid w:val="00A72675"/>
    <w:rsid w:val="00AD6824"/>
    <w:rsid w:val="00B03849"/>
    <w:rsid w:val="00B47DC3"/>
    <w:rsid w:val="00B77ADD"/>
    <w:rsid w:val="00BB650D"/>
    <w:rsid w:val="00C0094F"/>
    <w:rsid w:val="00C0287A"/>
    <w:rsid w:val="00C810FE"/>
    <w:rsid w:val="00D126BA"/>
    <w:rsid w:val="00DE3CA5"/>
    <w:rsid w:val="00EF1F30"/>
    <w:rsid w:val="00EF65E6"/>
    <w:rsid w:val="00F46C2E"/>
    <w:rsid w:val="00FF1515"/>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1.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A25F8"/>
    <w:rsid w:val="00344596"/>
    <w:rsid w:val="00854693"/>
    <w:rsid w:val="00F53174"/>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64</TotalTime>
  <Pages>11</Pages>
  <Words>1762</Words>
  <Characters>10047</Characters>
  <Application>Microsoft Office Word</Application>
  <DocSecurity>0</DocSecurity>
  <Lines>83</Lines>
  <Paragraphs>23</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17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ake Attard s5138647</dc:creator>
  <cp:keywords/>
  <cp:lastModifiedBy>Jake Christopher Attard</cp:lastModifiedBy>
  <cp:revision>35</cp:revision>
  <dcterms:created xsi:type="dcterms:W3CDTF">2017-08-28T03:16:00Z</dcterms:created>
  <dcterms:modified xsi:type="dcterms:W3CDTF">2019-10-06T04:2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